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erd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Lettertype, schermopname&#10;&#10;Automatisch gegenereerde beschrijving">
            <a:extLst>
              <a:ext uri="{FF2B5EF4-FFF2-40B4-BE49-F238E27FC236}">
                <a16:creationId xmlns:a16="http://schemas.microsoft.com/office/drawing/2014/main" id="{18C459F1-FE81-4C1E-C5BA-B045BB0C1C5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413" y="4434375"/>
            <a:ext cx="3299188" cy="219066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Lettertype, schermopname&#10;&#10;Automatisch gegenereerde beschrijving">
            <a:extLst>
              <a:ext uri="{FF2B5EF4-FFF2-40B4-BE49-F238E27FC236}">
                <a16:creationId xmlns:a16="http://schemas.microsoft.com/office/drawing/2014/main" id="{E822D231-FE66-FCA6-60B5-369852206A1F}"/>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9943" y="3990976"/>
            <a:ext cx="1986476" cy="131902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10-17T10:46:37Z</dcterms:modified>
</cp:coreProperties>
</file>